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章 自然\02公表用（改定有）\"/>
    </mc:Choice>
  </mc:AlternateContent>
  <xr:revisionPtr revIDLastSave="0" documentId="13_ncr:1_{B7DA2FA8-8A60-403E-8A39-2A438C018EDC}" xr6:coauthVersionLast="44" xr6:coauthVersionMax="44" xr10:uidLastSave="{00000000-0000-0000-0000-000000000000}"/>
  <bookViews>
    <workbookView xWindow="-108" yWindow="-108" windowWidth="23256" windowHeight="12576" tabRatio="839" xr2:uid="{00000000-000D-0000-FFFF-FFFF00000000}"/>
  </bookViews>
  <sheets>
    <sheet name="6-1 地域・地区の現況（市街化区域、市街化調整区域の面積）" sheetId="7" r:id="rId1"/>
  </sheets>
  <definedNames>
    <definedName name="_xlnm.Print_Area" localSheetId="0">'6-1 地域・地区の現況（市街化区域、市街化調整区域の面積）'!$A$1:$D$2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0" uniqueCount="10">
  <si>
    <t>　年次（西暦）</t>
    <rPh sb="1" eb="3">
      <t>ネンジ</t>
    </rPh>
    <rPh sb="4" eb="6">
      <t>セイレキ</t>
    </rPh>
    <phoneticPr fontId="3"/>
  </si>
  <si>
    <t>　年次（和歴）</t>
    <rPh sb="1" eb="3">
      <t>ネンジ</t>
    </rPh>
    <rPh sb="4" eb="5">
      <t>ワ</t>
    </rPh>
    <rPh sb="5" eb="6">
      <t>レキ</t>
    </rPh>
    <phoneticPr fontId="3"/>
  </si>
  <si>
    <t>区域区分</t>
    <rPh sb="0" eb="2">
      <t>クイキ</t>
    </rPh>
    <rPh sb="2" eb="4">
      <t>クブン</t>
    </rPh>
    <phoneticPr fontId="3"/>
  </si>
  <si>
    <t>市街化区域</t>
    <rPh sb="0" eb="3">
      <t>シガイカ</t>
    </rPh>
    <rPh sb="3" eb="5">
      <t>クイキ</t>
    </rPh>
    <phoneticPr fontId="3"/>
  </si>
  <si>
    <t>市街化調整区域</t>
    <rPh sb="0" eb="3">
      <t>シガイカ</t>
    </rPh>
    <rPh sb="3" eb="5">
      <t>チョウセイ</t>
    </rPh>
    <rPh sb="5" eb="7">
      <t>クイキ</t>
    </rPh>
    <phoneticPr fontId="3"/>
  </si>
  <si>
    <t>令和元年</t>
    <rPh sb="0" eb="2">
      <t>レイワ</t>
    </rPh>
    <rPh sb="2" eb="4">
      <t>ガンネン</t>
    </rPh>
    <phoneticPr fontId="2"/>
  </si>
  <si>
    <t>令和２年</t>
    <rPh sb="0" eb="2">
      <t>レイワ</t>
    </rPh>
    <rPh sb="3" eb="4">
      <t>ネン</t>
    </rPh>
    <phoneticPr fontId="2"/>
  </si>
  <si>
    <t>令和３年</t>
    <rPh sb="0" eb="2">
      <t>レイワ</t>
    </rPh>
    <rPh sb="3" eb="4">
      <t>ネン</t>
    </rPh>
    <phoneticPr fontId="2"/>
  </si>
  <si>
    <t>令和４年</t>
    <rPh sb="0" eb="2">
      <t>レイワ</t>
    </rPh>
    <rPh sb="3" eb="4">
      <t>ネン</t>
    </rPh>
    <phoneticPr fontId="2"/>
  </si>
  <si>
    <t>令和５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&quot;平成&quot;0&quot;年&quot;"/>
    <numFmt numFmtId="178" formatCode="0&quot;年&quot;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0" fillId="0" borderId="15" xfId="0" applyBorder="1" applyAlignment="1" applyProtection="1">
      <alignment horizontal="center" vertical="center" shrinkToFit="1"/>
    </xf>
    <xf numFmtId="0" fontId="0" fillId="0" borderId="16" xfId="0" applyBorder="1" applyAlignment="1" applyProtection="1">
      <alignment horizontal="center" vertical="center" shrinkToFit="1"/>
    </xf>
    <xf numFmtId="176" fontId="0" fillId="0" borderId="5" xfId="0" applyNumberFormat="1" applyBorder="1" applyAlignment="1" applyProtection="1">
      <alignment horizontal="center" vertical="center"/>
    </xf>
    <xf numFmtId="176" fontId="0" fillId="0" borderId="6" xfId="0" applyNumberFormat="1" applyBorder="1" applyAlignment="1" applyProtection="1">
      <alignment horizontal="center" vertical="center"/>
    </xf>
    <xf numFmtId="176" fontId="0" fillId="0" borderId="2" xfId="0" applyNumberFormat="1" applyBorder="1" applyAlignment="1" applyProtection="1">
      <alignment horizontal="center" vertical="center"/>
    </xf>
    <xf numFmtId="176" fontId="0" fillId="0" borderId="3" xfId="0" applyNumberFormat="1" applyBorder="1" applyAlignment="1" applyProtection="1">
      <alignment horizontal="center" vertical="center"/>
    </xf>
    <xf numFmtId="176" fontId="0" fillId="0" borderId="9" xfId="0" applyNumberFormat="1" applyBorder="1" applyAlignment="1" applyProtection="1">
      <alignment horizontal="center" vertical="center"/>
      <protection locked="0"/>
    </xf>
    <xf numFmtId="177" fontId="0" fillId="0" borderId="2" xfId="0" applyNumberFormat="1" applyBorder="1" applyAlignment="1" applyProtection="1">
      <alignment horizontal="center" vertical="center"/>
    </xf>
    <xf numFmtId="178" fontId="0" fillId="0" borderId="1" xfId="0" applyNumberFormat="1" applyBorder="1" applyAlignment="1" applyProtection="1">
      <alignment horizontal="center" vertical="center"/>
    </xf>
    <xf numFmtId="178" fontId="0" fillId="0" borderId="4" xfId="0" applyNumberFormat="1" applyBorder="1" applyAlignment="1" applyProtection="1">
      <alignment horizontal="center" vertical="center"/>
    </xf>
    <xf numFmtId="177" fontId="0" fillId="0" borderId="5" xfId="0" applyNumberFormat="1" applyBorder="1" applyAlignment="1" applyProtection="1">
      <alignment horizontal="center" vertical="center"/>
    </xf>
    <xf numFmtId="178" fontId="0" fillId="0" borderId="17" xfId="0" applyNumberFormat="1" applyBorder="1" applyAlignment="1" applyProtection="1">
      <alignment horizontal="center" vertical="center"/>
    </xf>
    <xf numFmtId="177" fontId="0" fillId="0" borderId="7" xfId="0" applyNumberFormat="1" applyBorder="1" applyAlignment="1" applyProtection="1">
      <alignment horizontal="center" vertical="center"/>
    </xf>
    <xf numFmtId="176" fontId="0" fillId="0" borderId="7" xfId="0" applyNumberForma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8" fontId="0" fillId="0" borderId="18" xfId="0" applyNumberFormat="1" applyBorder="1" applyAlignment="1" applyProtection="1">
      <alignment horizontal="center" vertical="center"/>
    </xf>
    <xf numFmtId="176" fontId="0" fillId="0" borderId="7" xfId="0" applyNumberFormat="1" applyBorder="1" applyAlignment="1" applyProtection="1">
      <alignment horizontal="center" vertical="center"/>
      <protection locked="0"/>
    </xf>
    <xf numFmtId="176" fontId="0" fillId="0" borderId="6" xfId="0" applyNumberFormat="1" applyBorder="1" applyAlignment="1" applyProtection="1">
      <alignment horizontal="center" vertical="center"/>
      <protection locked="0"/>
    </xf>
    <xf numFmtId="177" fontId="0" fillId="0" borderId="19" xfId="0" applyNumberFormat="1" applyBorder="1" applyAlignment="1" applyProtection="1">
      <alignment horizontal="center" vertical="center"/>
    </xf>
    <xf numFmtId="176" fontId="0" fillId="0" borderId="20" xfId="0" applyNumberFormat="1" applyBorder="1" applyAlignment="1" applyProtection="1">
      <alignment horizontal="center" vertical="center"/>
      <protection locked="0"/>
    </xf>
    <xf numFmtId="0" fontId="0" fillId="0" borderId="10" xfId="0" applyBorder="1" applyAlignment="1" applyProtection="1">
      <alignment horizontal="center" vertical="center"/>
    </xf>
    <xf numFmtId="0" fontId="0" fillId="0" borderId="14" xfId="0" applyBorder="1" applyAlignment="1" applyProtection="1">
      <alignment horizontal="center" vertical="center"/>
    </xf>
    <xf numFmtId="0" fontId="0" fillId="0" borderId="11" xfId="0" applyBorder="1" applyAlignment="1" applyProtection="1">
      <alignment horizontal="center" vertical="center"/>
    </xf>
    <xf numFmtId="0" fontId="0" fillId="0" borderId="15" xfId="0" applyBorder="1" applyAlignment="1" applyProtection="1">
      <alignment horizontal="center" vertical="center"/>
    </xf>
    <xf numFmtId="0" fontId="0" fillId="0" borderId="12" xfId="0" applyBorder="1" applyAlignment="1" applyProtection="1">
      <alignment horizontal="center" vertical="center"/>
    </xf>
    <xf numFmtId="0" fontId="0" fillId="0" borderId="13" xfId="0" applyBorder="1" applyAlignment="1" applyProtection="1">
      <alignment horizontal="center" vertical="center"/>
    </xf>
    <xf numFmtId="177" fontId="0" fillId="0" borderId="21" xfId="0" applyNumberFormat="1" applyBorder="1" applyAlignment="1" applyProtection="1">
      <alignment horizontal="center" vertical="center"/>
    </xf>
    <xf numFmtId="176" fontId="0" fillId="0" borderId="22" xfId="0" applyNumberFormat="1" applyBorder="1" applyAlignment="1" applyProtection="1">
      <alignment horizontal="center" vertical="center"/>
      <protection locked="0"/>
    </xf>
  </cellXfs>
  <cellStyles count="2">
    <cellStyle name="桁区切り 2" xfId="1" xr:uid="{00000000-0005-0000-0000-000001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419100</xdr:colOff>
      <xdr:row>17</xdr:row>
      <xdr:rowOff>142875</xdr:rowOff>
    </xdr:from>
    <xdr:to>
      <xdr:col>3</xdr:col>
      <xdr:colOff>495300</xdr:colOff>
      <xdr:row>18</xdr:row>
      <xdr:rowOff>95251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 txBox="1">
          <a:spLocks noChangeArrowheads="1"/>
        </xdr:cNvSpPr>
      </xdr:nvSpPr>
      <xdr:spPr bwMode="auto">
        <a:xfrm>
          <a:off x="4229100" y="5762625"/>
          <a:ext cx="76200" cy="2190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>
    <tabColor theme="0"/>
  </sheetPr>
  <dimension ref="A1:D28"/>
  <sheetViews>
    <sheetView tabSelected="1" topLeftCell="A16" zoomScaleNormal="100" zoomScaleSheetLayoutView="145" zoomScalePageLayoutView="115" workbookViewId="0">
      <selection activeCell="C31" sqref="C31"/>
    </sheetView>
  </sheetViews>
  <sheetFormatPr defaultRowHeight="13.2" x14ac:dyDescent="0.2"/>
  <cols>
    <col min="1" max="2" width="15.33203125" customWidth="1"/>
    <col min="3" max="3" width="16.33203125" customWidth="1"/>
    <col min="4" max="4" width="16.21875" customWidth="1"/>
  </cols>
  <sheetData>
    <row r="1" spans="1:4" ht="23.25" customHeight="1" x14ac:dyDescent="0.2">
      <c r="A1" s="21" t="s">
        <v>0</v>
      </c>
      <c r="B1" s="23" t="s">
        <v>1</v>
      </c>
      <c r="C1" s="25" t="s">
        <v>2</v>
      </c>
      <c r="D1" s="26"/>
    </row>
    <row r="2" spans="1:4" ht="20.25" customHeight="1" x14ac:dyDescent="0.2">
      <c r="A2" s="22"/>
      <c r="B2" s="24"/>
      <c r="C2" s="1" t="s">
        <v>3</v>
      </c>
      <c r="D2" s="2" t="s">
        <v>4</v>
      </c>
    </row>
    <row r="3" spans="1:4" ht="21" customHeight="1" x14ac:dyDescent="0.2">
      <c r="A3" s="9">
        <v>1998</v>
      </c>
      <c r="B3" s="8">
        <v>10</v>
      </c>
      <c r="C3" s="5">
        <v>2747</v>
      </c>
      <c r="D3" s="6">
        <v>6682</v>
      </c>
    </row>
    <row r="4" spans="1:4" ht="21" customHeight="1" x14ac:dyDescent="0.2">
      <c r="A4" s="10">
        <v>1999</v>
      </c>
      <c r="B4" s="11">
        <v>11</v>
      </c>
      <c r="C4" s="3">
        <v>2747</v>
      </c>
      <c r="D4" s="4">
        <v>6682</v>
      </c>
    </row>
    <row r="5" spans="1:4" ht="21" customHeight="1" x14ac:dyDescent="0.2">
      <c r="A5" s="10">
        <v>2000</v>
      </c>
      <c r="B5" s="11">
        <v>12</v>
      </c>
      <c r="C5" s="3">
        <v>2766</v>
      </c>
      <c r="D5" s="4">
        <v>6682</v>
      </c>
    </row>
    <row r="6" spans="1:4" ht="21" customHeight="1" x14ac:dyDescent="0.2">
      <c r="A6" s="10">
        <v>2001</v>
      </c>
      <c r="B6" s="11">
        <v>13</v>
      </c>
      <c r="C6" s="3">
        <v>2766</v>
      </c>
      <c r="D6" s="4">
        <v>6682</v>
      </c>
    </row>
    <row r="7" spans="1:4" ht="21" customHeight="1" x14ac:dyDescent="0.2">
      <c r="A7" s="10">
        <v>2002</v>
      </c>
      <c r="B7" s="11">
        <v>14</v>
      </c>
      <c r="C7" s="3">
        <v>2784</v>
      </c>
      <c r="D7" s="4">
        <v>6664</v>
      </c>
    </row>
    <row r="8" spans="1:4" ht="21" customHeight="1" x14ac:dyDescent="0.2">
      <c r="A8" s="10">
        <v>2003</v>
      </c>
      <c r="B8" s="11">
        <v>15</v>
      </c>
      <c r="C8" s="3">
        <v>2794</v>
      </c>
      <c r="D8" s="4">
        <v>6654</v>
      </c>
    </row>
    <row r="9" spans="1:4" ht="21" customHeight="1" x14ac:dyDescent="0.2">
      <c r="A9" s="10">
        <v>2004</v>
      </c>
      <c r="B9" s="11">
        <v>16</v>
      </c>
      <c r="C9" s="3">
        <v>2794</v>
      </c>
      <c r="D9" s="4">
        <v>6654</v>
      </c>
    </row>
    <row r="10" spans="1:4" ht="21" customHeight="1" x14ac:dyDescent="0.2">
      <c r="A10" s="10">
        <v>2005</v>
      </c>
      <c r="B10" s="11">
        <v>17</v>
      </c>
      <c r="C10" s="3">
        <v>2794</v>
      </c>
      <c r="D10" s="4">
        <v>6654</v>
      </c>
    </row>
    <row r="11" spans="1:4" ht="21" customHeight="1" x14ac:dyDescent="0.2">
      <c r="A11" s="10">
        <v>2006</v>
      </c>
      <c r="B11" s="11">
        <v>18</v>
      </c>
      <c r="C11" s="3">
        <v>2794</v>
      </c>
      <c r="D11" s="4">
        <v>6654</v>
      </c>
    </row>
    <row r="12" spans="1:4" ht="21" customHeight="1" x14ac:dyDescent="0.2">
      <c r="A12" s="10">
        <v>2007</v>
      </c>
      <c r="B12" s="11">
        <v>19</v>
      </c>
      <c r="C12" s="3">
        <v>2794</v>
      </c>
      <c r="D12" s="4">
        <v>6654</v>
      </c>
    </row>
    <row r="13" spans="1:4" ht="21" customHeight="1" x14ac:dyDescent="0.2">
      <c r="A13" s="10">
        <v>2008</v>
      </c>
      <c r="B13" s="11">
        <v>20</v>
      </c>
      <c r="C13" s="3">
        <v>2794</v>
      </c>
      <c r="D13" s="4">
        <v>6654</v>
      </c>
    </row>
    <row r="14" spans="1:4" ht="21" customHeight="1" x14ac:dyDescent="0.2">
      <c r="A14" s="10">
        <v>2009</v>
      </c>
      <c r="B14" s="11">
        <v>21</v>
      </c>
      <c r="C14" s="3">
        <v>2794</v>
      </c>
      <c r="D14" s="4">
        <v>6654</v>
      </c>
    </row>
    <row r="15" spans="1:4" ht="21" customHeight="1" x14ac:dyDescent="0.2">
      <c r="A15" s="10">
        <v>2010</v>
      </c>
      <c r="B15" s="11">
        <v>22</v>
      </c>
      <c r="C15" s="3">
        <v>2794</v>
      </c>
      <c r="D15" s="4">
        <v>6654</v>
      </c>
    </row>
    <row r="16" spans="1:4" ht="21" customHeight="1" x14ac:dyDescent="0.2">
      <c r="A16" s="10">
        <v>2011</v>
      </c>
      <c r="B16" s="11">
        <v>23</v>
      </c>
      <c r="C16" s="3">
        <v>2794</v>
      </c>
      <c r="D16" s="4">
        <v>6654</v>
      </c>
    </row>
    <row r="17" spans="1:4" ht="21" customHeight="1" x14ac:dyDescent="0.2">
      <c r="A17" s="10">
        <v>2012</v>
      </c>
      <c r="B17" s="11">
        <v>24</v>
      </c>
      <c r="C17" s="3">
        <v>2794</v>
      </c>
      <c r="D17" s="4">
        <v>6654</v>
      </c>
    </row>
    <row r="18" spans="1:4" ht="21" customHeight="1" x14ac:dyDescent="0.2">
      <c r="A18" s="10">
        <v>2013</v>
      </c>
      <c r="B18" s="11">
        <v>25</v>
      </c>
      <c r="C18" s="3">
        <v>2794</v>
      </c>
      <c r="D18" s="4">
        <v>6654</v>
      </c>
    </row>
    <row r="19" spans="1:4" ht="21" customHeight="1" x14ac:dyDescent="0.2">
      <c r="A19" s="10">
        <v>2014</v>
      </c>
      <c r="B19" s="11">
        <v>26</v>
      </c>
      <c r="C19" s="3">
        <v>2794</v>
      </c>
      <c r="D19" s="4">
        <v>6654</v>
      </c>
    </row>
    <row r="20" spans="1:4" ht="21" customHeight="1" x14ac:dyDescent="0.2">
      <c r="A20" s="10">
        <v>2015</v>
      </c>
      <c r="B20" s="11">
        <v>27</v>
      </c>
      <c r="C20" s="3">
        <v>2794</v>
      </c>
      <c r="D20" s="4">
        <v>6654</v>
      </c>
    </row>
    <row r="21" spans="1:4" ht="21" customHeight="1" x14ac:dyDescent="0.2">
      <c r="A21" s="10">
        <v>2016</v>
      </c>
      <c r="B21" s="11">
        <v>28</v>
      </c>
      <c r="C21" s="3">
        <v>2794</v>
      </c>
      <c r="D21" s="4">
        <v>6654</v>
      </c>
    </row>
    <row r="22" spans="1:4" ht="20.25" customHeight="1" x14ac:dyDescent="0.2">
      <c r="A22" s="10">
        <v>2017</v>
      </c>
      <c r="B22" s="11">
        <v>29</v>
      </c>
      <c r="C22" s="3">
        <v>2794</v>
      </c>
      <c r="D22" s="4">
        <v>6654</v>
      </c>
    </row>
    <row r="23" spans="1:4" ht="20.25" customHeight="1" x14ac:dyDescent="0.2">
      <c r="A23" s="12">
        <v>2018</v>
      </c>
      <c r="B23" s="13">
        <v>30</v>
      </c>
      <c r="C23" s="14">
        <v>2794</v>
      </c>
      <c r="D23" s="15">
        <v>6654</v>
      </c>
    </row>
    <row r="24" spans="1:4" ht="20.25" customHeight="1" x14ac:dyDescent="0.2">
      <c r="A24" s="10">
        <v>2019</v>
      </c>
      <c r="B24" s="11" t="s">
        <v>5</v>
      </c>
      <c r="C24" s="17">
        <v>2794</v>
      </c>
      <c r="D24" s="18">
        <v>6654</v>
      </c>
    </row>
    <row r="25" spans="1:4" ht="20.25" customHeight="1" x14ac:dyDescent="0.2">
      <c r="A25" s="10">
        <v>2020</v>
      </c>
      <c r="B25" s="11" t="s">
        <v>6</v>
      </c>
      <c r="C25" s="17">
        <v>2794</v>
      </c>
      <c r="D25" s="18">
        <v>6654</v>
      </c>
    </row>
    <row r="26" spans="1:4" ht="20.25" customHeight="1" x14ac:dyDescent="0.2">
      <c r="A26" s="10">
        <v>2021</v>
      </c>
      <c r="B26" s="19" t="s">
        <v>7</v>
      </c>
      <c r="C26" s="17">
        <v>2786</v>
      </c>
      <c r="D26" s="20">
        <v>6707</v>
      </c>
    </row>
    <row r="27" spans="1:4" ht="20.25" customHeight="1" x14ac:dyDescent="0.2">
      <c r="A27" s="10">
        <v>2022</v>
      </c>
      <c r="B27" s="11" t="s">
        <v>8</v>
      </c>
      <c r="C27" s="17">
        <v>2786</v>
      </c>
      <c r="D27" s="18">
        <v>6707</v>
      </c>
    </row>
    <row r="28" spans="1:4" ht="20.25" customHeight="1" thickBot="1" x14ac:dyDescent="0.25">
      <c r="A28" s="16">
        <v>2023</v>
      </c>
      <c r="B28" s="27" t="s">
        <v>9</v>
      </c>
      <c r="C28" s="7">
        <v>2786</v>
      </c>
      <c r="D28" s="28">
        <v>6707</v>
      </c>
    </row>
  </sheetData>
  <mergeCells count="3">
    <mergeCell ref="A1:A2"/>
    <mergeCell ref="B1:B2"/>
    <mergeCell ref="C1:D1"/>
  </mergeCells>
  <phoneticPr fontId="2"/>
  <pageMargins left="0.78740157480314965" right="0.78740157480314965" top="0.98425196850393704" bottom="0.98425196850393704" header="0.31496062992125984" footer="0.51181102362204722"/>
  <pageSetup paperSize="9" orientation="portrait" r:id="rId1"/>
  <headerFooter alignWithMargins="0">
    <oddHeader>&amp;L&amp;14 ６－１　地域・地区の現況（市街化区域、市街化調整区域の面積）&amp;R
（各年3月31日現在）
（単位：ha）</oddHead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9C6A92B-79F5-43E8-A03F-43190D76AD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53CEC543-EA53-4102-A01E-341CBDE40BB8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0A50C75B-6954-433B-BFE8-015FEDEDAFD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6-1 地域・地区の現況（市街化区域、市街化調整区域の面積）</vt:lpstr>
      <vt:lpstr>'6-1 地域・地区の現況（市街化区域、市街化調整区域の面積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706166</dc:creator>
  <cp:lastModifiedBy>Administrator</cp:lastModifiedBy>
  <cp:lastPrinted>2020-10-01T03:12:44Z</cp:lastPrinted>
  <dcterms:created xsi:type="dcterms:W3CDTF">2016-03-09T05:17:43Z</dcterms:created>
  <dcterms:modified xsi:type="dcterms:W3CDTF">2023-06-08T02:44:40Z</dcterms:modified>
</cp:coreProperties>
</file>